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tels que les données, les unités d'organisation, les indicateurs et les ensembles de données, dépend du contexte et varie donc d'une implémentation à l'autre. Ces objets, appelés métadonnées, peuvent être configurés dans DHIS2 avant toute utilisation optimale du systèm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également utiliser les filtres, le type de domaine, le type de valeur ou la combinaison de catégories. Ces champs de recherche peuvent être utilisés ensemble ou séparément pour affiner les résultats. À partir de cette section, vous pouvez également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